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8月(9月1日現在)\"/>
    </mc:Choice>
  </mc:AlternateContent>
  <xr:revisionPtr revIDLastSave="0" documentId="13_ncr:1_{795D4767-D6E5-4C6B-8559-BCED31AE35FE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8月31日現在</t>
  </si>
  <si>
    <t>越来</t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activeCell="B4" sqref="B4:E5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1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49</v>
      </c>
      <c r="N3" s="4" t="s">
        <v>52</v>
      </c>
    </row>
    <row r="4" spans="1:14" ht="15" customHeight="1" x14ac:dyDescent="0.4">
      <c r="A4" s="15" t="s">
        <v>37</v>
      </c>
      <c r="B4" s="17" t="s">
        <v>44</v>
      </c>
      <c r="C4" s="17"/>
      <c r="D4" s="17"/>
      <c r="E4" s="17"/>
      <c r="F4" s="17" t="s">
        <v>45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6</v>
      </c>
      <c r="G5" s="17"/>
      <c r="H5" s="17"/>
      <c r="I5" s="17" t="s">
        <v>47</v>
      </c>
      <c r="J5" s="17"/>
      <c r="K5" s="17"/>
      <c r="L5" s="17" t="s">
        <v>48</v>
      </c>
      <c r="M5" s="17"/>
      <c r="N5" s="17"/>
    </row>
    <row r="6" spans="1:14" ht="15" customHeight="1" x14ac:dyDescent="0.4">
      <c r="A6" s="15"/>
      <c r="B6" s="5" t="s">
        <v>41</v>
      </c>
      <c r="C6" s="6" t="s">
        <v>42</v>
      </c>
      <c r="D6" s="13" t="s">
        <v>43</v>
      </c>
      <c r="E6" s="7" t="s">
        <v>40</v>
      </c>
      <c r="F6" s="5" t="s">
        <v>38</v>
      </c>
      <c r="G6" s="6" t="s">
        <v>39</v>
      </c>
      <c r="H6" s="7" t="s">
        <v>40</v>
      </c>
      <c r="I6" s="5" t="s">
        <v>38</v>
      </c>
      <c r="J6" s="6" t="s">
        <v>39</v>
      </c>
      <c r="K6" s="7" t="s">
        <v>40</v>
      </c>
      <c r="L6" s="5" t="s">
        <v>38</v>
      </c>
      <c r="M6" s="6" t="s">
        <v>39</v>
      </c>
      <c r="N6" s="7" t="s">
        <v>40</v>
      </c>
    </row>
    <row r="7" spans="1:14" ht="18" customHeight="1" x14ac:dyDescent="0.4">
      <c r="A7" s="2" t="s">
        <v>53</v>
      </c>
      <c r="B7" s="8">
        <v>1078</v>
      </c>
      <c r="C7" s="9">
        <v>7</v>
      </c>
      <c r="D7" s="14">
        <v>5</v>
      </c>
      <c r="E7" s="10">
        <v>1090</v>
      </c>
      <c r="F7" s="8">
        <v>1161</v>
      </c>
      <c r="G7" s="9">
        <v>1198</v>
      </c>
      <c r="H7" s="10">
        <v>2359</v>
      </c>
      <c r="I7" s="8">
        <v>8</v>
      </c>
      <c r="J7" s="9">
        <v>5</v>
      </c>
      <c r="K7" s="10">
        <v>13</v>
      </c>
      <c r="L7" s="8">
        <v>1169</v>
      </c>
      <c r="M7" s="9">
        <v>1203</v>
      </c>
      <c r="N7" s="10">
        <v>2372</v>
      </c>
    </row>
    <row r="8" spans="1:14" ht="18" customHeight="1" x14ac:dyDescent="0.4">
      <c r="A8" s="2" t="s">
        <v>0</v>
      </c>
      <c r="B8" s="8">
        <v>491</v>
      </c>
      <c r="C8" s="9">
        <v>8</v>
      </c>
      <c r="D8" s="14">
        <v>6</v>
      </c>
      <c r="E8" s="10">
        <v>505</v>
      </c>
      <c r="F8" s="8">
        <v>436</v>
      </c>
      <c r="G8" s="9">
        <v>399</v>
      </c>
      <c r="H8" s="10">
        <v>835</v>
      </c>
      <c r="I8" s="8">
        <v>15</v>
      </c>
      <c r="J8" s="9">
        <v>1</v>
      </c>
      <c r="K8" s="10">
        <v>16</v>
      </c>
      <c r="L8" s="8">
        <v>451</v>
      </c>
      <c r="M8" s="9">
        <v>400</v>
      </c>
      <c r="N8" s="10">
        <v>851</v>
      </c>
    </row>
    <row r="9" spans="1:14" ht="18" customHeight="1" x14ac:dyDescent="0.4">
      <c r="A9" s="2" t="s">
        <v>1</v>
      </c>
      <c r="B9" s="8">
        <v>2287</v>
      </c>
      <c r="C9" s="9">
        <v>18</v>
      </c>
      <c r="D9" s="14">
        <v>10</v>
      </c>
      <c r="E9" s="10">
        <v>2315</v>
      </c>
      <c r="F9" s="8">
        <v>2187</v>
      </c>
      <c r="G9" s="9">
        <v>2173</v>
      </c>
      <c r="H9" s="10">
        <v>4360</v>
      </c>
      <c r="I9" s="8">
        <v>17</v>
      </c>
      <c r="J9" s="9">
        <v>16</v>
      </c>
      <c r="K9" s="10">
        <v>33</v>
      </c>
      <c r="L9" s="8">
        <v>2204</v>
      </c>
      <c r="M9" s="9">
        <v>2189</v>
      </c>
      <c r="N9" s="10">
        <v>4393</v>
      </c>
    </row>
    <row r="10" spans="1:14" ht="18" customHeight="1" x14ac:dyDescent="0.4">
      <c r="A10" s="2" t="s">
        <v>2</v>
      </c>
      <c r="B10" s="8">
        <v>2317</v>
      </c>
      <c r="C10" s="9">
        <v>23</v>
      </c>
      <c r="D10" s="14">
        <v>30</v>
      </c>
      <c r="E10" s="10">
        <v>2370</v>
      </c>
      <c r="F10" s="8">
        <v>2317</v>
      </c>
      <c r="G10" s="9">
        <v>2485</v>
      </c>
      <c r="H10" s="10">
        <v>4802</v>
      </c>
      <c r="I10" s="8">
        <v>39</v>
      </c>
      <c r="J10" s="9">
        <v>30</v>
      </c>
      <c r="K10" s="10">
        <v>69</v>
      </c>
      <c r="L10" s="8">
        <v>2356</v>
      </c>
      <c r="M10" s="9">
        <v>2515</v>
      </c>
      <c r="N10" s="10">
        <v>4871</v>
      </c>
    </row>
    <row r="11" spans="1:14" ht="18" customHeight="1" x14ac:dyDescent="0.4">
      <c r="A11" s="2" t="s">
        <v>3</v>
      </c>
      <c r="B11" s="8">
        <v>1072</v>
      </c>
      <c r="C11" s="9">
        <v>4</v>
      </c>
      <c r="D11" s="14">
        <v>3</v>
      </c>
      <c r="E11" s="10">
        <v>1079</v>
      </c>
      <c r="F11" s="8">
        <v>922</v>
      </c>
      <c r="G11" s="9">
        <v>1067</v>
      </c>
      <c r="H11" s="10">
        <v>1989</v>
      </c>
      <c r="I11" s="8">
        <v>7</v>
      </c>
      <c r="J11" s="9">
        <v>1</v>
      </c>
      <c r="K11" s="10">
        <v>8</v>
      </c>
      <c r="L11" s="8">
        <v>929</v>
      </c>
      <c r="M11" s="9">
        <v>1068</v>
      </c>
      <c r="N11" s="10">
        <v>1997</v>
      </c>
    </row>
    <row r="12" spans="1:14" ht="18" customHeight="1" x14ac:dyDescent="0.4">
      <c r="A12" s="2" t="s">
        <v>4</v>
      </c>
      <c r="B12" s="8">
        <v>735</v>
      </c>
      <c r="C12" s="9">
        <v>6</v>
      </c>
      <c r="D12" s="14">
        <v>3</v>
      </c>
      <c r="E12" s="10">
        <v>744</v>
      </c>
      <c r="F12" s="8">
        <v>693</v>
      </c>
      <c r="G12" s="9">
        <v>731</v>
      </c>
      <c r="H12" s="10">
        <v>1424</v>
      </c>
      <c r="I12" s="8">
        <v>12</v>
      </c>
      <c r="J12" s="9">
        <v>9</v>
      </c>
      <c r="K12" s="10">
        <v>21</v>
      </c>
      <c r="L12" s="8">
        <v>705</v>
      </c>
      <c r="M12" s="9">
        <v>740</v>
      </c>
      <c r="N12" s="10">
        <v>1445</v>
      </c>
    </row>
    <row r="13" spans="1:14" ht="18" customHeight="1" x14ac:dyDescent="0.4">
      <c r="A13" s="2" t="s">
        <v>5</v>
      </c>
      <c r="B13" s="8">
        <v>665</v>
      </c>
      <c r="C13" s="9">
        <v>4</v>
      </c>
      <c r="D13" s="14">
        <v>5</v>
      </c>
      <c r="E13" s="10">
        <v>674</v>
      </c>
      <c r="F13" s="8">
        <v>718</v>
      </c>
      <c r="G13" s="9">
        <v>679</v>
      </c>
      <c r="H13" s="10">
        <v>1397</v>
      </c>
      <c r="I13" s="8">
        <v>7</v>
      </c>
      <c r="J13" s="9">
        <v>6</v>
      </c>
      <c r="K13" s="10">
        <v>13</v>
      </c>
      <c r="L13" s="8">
        <v>725</v>
      </c>
      <c r="M13" s="9">
        <v>685</v>
      </c>
      <c r="N13" s="10">
        <v>1410</v>
      </c>
    </row>
    <row r="14" spans="1:14" ht="18" customHeight="1" x14ac:dyDescent="0.4">
      <c r="A14" s="2" t="s">
        <v>6</v>
      </c>
      <c r="B14" s="8">
        <v>326</v>
      </c>
      <c r="C14" s="9">
        <v>9</v>
      </c>
      <c r="D14" s="14">
        <v>3</v>
      </c>
      <c r="E14" s="10">
        <v>338</v>
      </c>
      <c r="F14" s="8">
        <v>339</v>
      </c>
      <c r="G14" s="9">
        <v>408</v>
      </c>
      <c r="H14" s="10">
        <v>747</v>
      </c>
      <c r="I14" s="8">
        <v>9</v>
      </c>
      <c r="J14" s="9">
        <v>6</v>
      </c>
      <c r="K14" s="10">
        <v>15</v>
      </c>
      <c r="L14" s="8">
        <v>348</v>
      </c>
      <c r="M14" s="9">
        <v>414</v>
      </c>
      <c r="N14" s="10">
        <v>762</v>
      </c>
    </row>
    <row r="15" spans="1:14" ht="18" customHeight="1" x14ac:dyDescent="0.4">
      <c r="A15" s="2" t="s">
        <v>7</v>
      </c>
      <c r="B15" s="8">
        <v>1479</v>
      </c>
      <c r="C15" s="9">
        <v>52</v>
      </c>
      <c r="D15" s="14">
        <v>16</v>
      </c>
      <c r="E15" s="10">
        <v>1547</v>
      </c>
      <c r="F15" s="8">
        <v>1219</v>
      </c>
      <c r="G15" s="9">
        <v>1220</v>
      </c>
      <c r="H15" s="10">
        <v>2439</v>
      </c>
      <c r="I15" s="8">
        <v>53</v>
      </c>
      <c r="J15" s="9">
        <v>34</v>
      </c>
      <c r="K15" s="10">
        <v>87</v>
      </c>
      <c r="L15" s="8">
        <v>1272</v>
      </c>
      <c r="M15" s="9">
        <v>1254</v>
      </c>
      <c r="N15" s="10">
        <v>2526</v>
      </c>
    </row>
    <row r="16" spans="1:14" ht="18" customHeight="1" x14ac:dyDescent="0.4">
      <c r="A16" s="2" t="s">
        <v>8</v>
      </c>
      <c r="B16" s="8">
        <v>3192</v>
      </c>
      <c r="C16" s="9">
        <v>58</v>
      </c>
      <c r="D16" s="14">
        <v>32</v>
      </c>
      <c r="E16" s="10">
        <v>3282</v>
      </c>
      <c r="F16" s="8">
        <v>3106</v>
      </c>
      <c r="G16" s="9">
        <v>3470</v>
      </c>
      <c r="H16" s="10">
        <v>6576</v>
      </c>
      <c r="I16" s="8">
        <v>60</v>
      </c>
      <c r="J16" s="9">
        <v>66</v>
      </c>
      <c r="K16" s="10">
        <v>126</v>
      </c>
      <c r="L16" s="8">
        <v>3166</v>
      </c>
      <c r="M16" s="9">
        <v>3536</v>
      </c>
      <c r="N16" s="10">
        <v>6702</v>
      </c>
    </row>
    <row r="17" spans="1:14" ht="18" customHeight="1" x14ac:dyDescent="0.4">
      <c r="A17" s="2" t="s">
        <v>9</v>
      </c>
      <c r="B17" s="8">
        <v>1869</v>
      </c>
      <c r="C17" s="9">
        <v>46</v>
      </c>
      <c r="D17" s="14">
        <v>16</v>
      </c>
      <c r="E17" s="10">
        <v>1931</v>
      </c>
      <c r="F17" s="8">
        <v>1782</v>
      </c>
      <c r="G17" s="9">
        <v>1890</v>
      </c>
      <c r="H17" s="10">
        <v>3672</v>
      </c>
      <c r="I17" s="8">
        <v>53</v>
      </c>
      <c r="J17" s="9">
        <v>20</v>
      </c>
      <c r="K17" s="10">
        <v>73</v>
      </c>
      <c r="L17" s="8">
        <v>1835</v>
      </c>
      <c r="M17" s="9">
        <v>1910</v>
      </c>
      <c r="N17" s="10">
        <v>3745</v>
      </c>
    </row>
    <row r="18" spans="1:14" ht="18" customHeight="1" x14ac:dyDescent="0.4">
      <c r="A18" s="2" t="s">
        <v>10</v>
      </c>
      <c r="B18" s="8">
        <v>647</v>
      </c>
      <c r="C18" s="9">
        <v>4</v>
      </c>
      <c r="D18" s="14">
        <v>1</v>
      </c>
      <c r="E18" s="10">
        <v>652</v>
      </c>
      <c r="F18" s="8">
        <v>628</v>
      </c>
      <c r="G18" s="9">
        <v>624</v>
      </c>
      <c r="H18" s="10">
        <v>1252</v>
      </c>
      <c r="I18" s="8">
        <v>5</v>
      </c>
      <c r="J18" s="9">
        <v>0</v>
      </c>
      <c r="K18" s="10">
        <v>5</v>
      </c>
      <c r="L18" s="8">
        <v>633</v>
      </c>
      <c r="M18" s="9">
        <v>624</v>
      </c>
      <c r="N18" s="10">
        <v>1257</v>
      </c>
    </row>
    <row r="19" spans="1:14" ht="18" customHeight="1" x14ac:dyDescent="0.4">
      <c r="A19" s="2" t="s">
        <v>11</v>
      </c>
      <c r="B19" s="8">
        <v>2270</v>
      </c>
      <c r="C19" s="9">
        <v>23</v>
      </c>
      <c r="D19" s="14">
        <v>18</v>
      </c>
      <c r="E19" s="10">
        <v>2311</v>
      </c>
      <c r="F19" s="8">
        <v>2184</v>
      </c>
      <c r="G19" s="9">
        <v>2387</v>
      </c>
      <c r="H19" s="10">
        <v>4571</v>
      </c>
      <c r="I19" s="8">
        <v>29</v>
      </c>
      <c r="J19" s="9">
        <v>15</v>
      </c>
      <c r="K19" s="10">
        <v>44</v>
      </c>
      <c r="L19" s="8">
        <v>2213</v>
      </c>
      <c r="M19" s="9">
        <v>2402</v>
      </c>
      <c r="N19" s="10">
        <v>4615</v>
      </c>
    </row>
    <row r="20" spans="1:14" ht="18" customHeight="1" x14ac:dyDescent="0.4">
      <c r="A20" s="2" t="s">
        <v>12</v>
      </c>
      <c r="B20" s="8">
        <v>1634</v>
      </c>
      <c r="C20" s="9">
        <v>12</v>
      </c>
      <c r="D20" s="14">
        <v>16</v>
      </c>
      <c r="E20" s="10">
        <v>1662</v>
      </c>
      <c r="F20" s="8">
        <v>1935</v>
      </c>
      <c r="G20" s="9">
        <v>2043</v>
      </c>
      <c r="H20" s="10">
        <v>3978</v>
      </c>
      <c r="I20" s="8">
        <v>25</v>
      </c>
      <c r="J20" s="9">
        <v>15</v>
      </c>
      <c r="K20" s="10">
        <v>40</v>
      </c>
      <c r="L20" s="8">
        <v>1960</v>
      </c>
      <c r="M20" s="9">
        <v>2058</v>
      </c>
      <c r="N20" s="10">
        <v>4018</v>
      </c>
    </row>
    <row r="21" spans="1:14" ht="18" customHeight="1" x14ac:dyDescent="0.4">
      <c r="A21" s="2" t="s">
        <v>13</v>
      </c>
      <c r="B21" s="8">
        <v>1147</v>
      </c>
      <c r="C21" s="9">
        <v>40</v>
      </c>
      <c r="D21" s="14">
        <v>12</v>
      </c>
      <c r="E21" s="10">
        <v>1199</v>
      </c>
      <c r="F21" s="8">
        <v>1103</v>
      </c>
      <c r="G21" s="9">
        <v>1254</v>
      </c>
      <c r="H21" s="10">
        <v>2357</v>
      </c>
      <c r="I21" s="8">
        <v>42</v>
      </c>
      <c r="J21" s="9">
        <v>22</v>
      </c>
      <c r="K21" s="10">
        <v>64</v>
      </c>
      <c r="L21" s="8">
        <v>1145</v>
      </c>
      <c r="M21" s="9">
        <v>1276</v>
      </c>
      <c r="N21" s="10">
        <v>2421</v>
      </c>
    </row>
    <row r="22" spans="1:14" ht="18" customHeight="1" x14ac:dyDescent="0.4">
      <c r="A22" s="2" t="s">
        <v>14</v>
      </c>
      <c r="B22" s="8">
        <v>997</v>
      </c>
      <c r="C22" s="9">
        <v>12</v>
      </c>
      <c r="D22" s="14">
        <v>10</v>
      </c>
      <c r="E22" s="10">
        <v>1019</v>
      </c>
      <c r="F22" s="8">
        <v>1012</v>
      </c>
      <c r="G22" s="9">
        <v>1050</v>
      </c>
      <c r="H22" s="10">
        <v>2062</v>
      </c>
      <c r="I22" s="8">
        <v>22</v>
      </c>
      <c r="J22" s="9">
        <v>12</v>
      </c>
      <c r="K22" s="10">
        <v>34</v>
      </c>
      <c r="L22" s="8">
        <v>1034</v>
      </c>
      <c r="M22" s="9">
        <v>1062</v>
      </c>
      <c r="N22" s="10">
        <v>2096</v>
      </c>
    </row>
    <row r="23" spans="1:14" ht="18" customHeight="1" x14ac:dyDescent="0.4">
      <c r="A23" s="2" t="s">
        <v>15</v>
      </c>
      <c r="B23" s="8">
        <v>2057</v>
      </c>
      <c r="C23" s="9">
        <v>17</v>
      </c>
      <c r="D23" s="14">
        <v>11</v>
      </c>
      <c r="E23" s="10">
        <v>2085</v>
      </c>
      <c r="F23" s="8">
        <v>2376</v>
      </c>
      <c r="G23" s="9">
        <v>2551</v>
      </c>
      <c r="H23" s="10">
        <v>4927</v>
      </c>
      <c r="I23" s="8">
        <v>21</v>
      </c>
      <c r="J23" s="9">
        <v>20</v>
      </c>
      <c r="K23" s="10">
        <v>41</v>
      </c>
      <c r="L23" s="8">
        <v>2397</v>
      </c>
      <c r="M23" s="9">
        <v>2571</v>
      </c>
      <c r="N23" s="10">
        <v>4968</v>
      </c>
    </row>
    <row r="24" spans="1:14" ht="18" customHeight="1" x14ac:dyDescent="0.4">
      <c r="A24" s="2" t="s">
        <v>16</v>
      </c>
      <c r="B24" s="8">
        <v>4910</v>
      </c>
      <c r="C24" s="9">
        <v>44</v>
      </c>
      <c r="D24" s="14">
        <v>36</v>
      </c>
      <c r="E24" s="10">
        <v>4990</v>
      </c>
      <c r="F24" s="8">
        <v>5821</v>
      </c>
      <c r="G24" s="9">
        <v>6304</v>
      </c>
      <c r="H24" s="10">
        <v>12125</v>
      </c>
      <c r="I24" s="8">
        <v>63</v>
      </c>
      <c r="J24" s="9">
        <v>39</v>
      </c>
      <c r="K24" s="10">
        <v>102</v>
      </c>
      <c r="L24" s="8">
        <v>5884</v>
      </c>
      <c r="M24" s="9">
        <v>6343</v>
      </c>
      <c r="N24" s="10">
        <v>12227</v>
      </c>
    </row>
    <row r="25" spans="1:14" ht="18" customHeight="1" x14ac:dyDescent="0.4">
      <c r="A25" s="2" t="s">
        <v>17</v>
      </c>
      <c r="B25" s="8">
        <v>2622</v>
      </c>
      <c r="C25" s="9">
        <v>30</v>
      </c>
      <c r="D25" s="14">
        <v>16</v>
      </c>
      <c r="E25" s="10">
        <v>2668</v>
      </c>
      <c r="F25" s="8">
        <v>3134</v>
      </c>
      <c r="G25" s="9">
        <v>3247</v>
      </c>
      <c r="H25" s="10">
        <v>6381</v>
      </c>
      <c r="I25" s="8">
        <v>34</v>
      </c>
      <c r="J25" s="9">
        <v>29</v>
      </c>
      <c r="K25" s="10">
        <v>63</v>
      </c>
      <c r="L25" s="8">
        <v>3168</v>
      </c>
      <c r="M25" s="9">
        <v>3276</v>
      </c>
      <c r="N25" s="10">
        <v>6444</v>
      </c>
    </row>
    <row r="26" spans="1:14" ht="18" customHeight="1" x14ac:dyDescent="0.4">
      <c r="A26" s="2" t="s">
        <v>18</v>
      </c>
      <c r="B26" s="8">
        <v>218</v>
      </c>
      <c r="C26" s="9">
        <v>1</v>
      </c>
      <c r="D26" s="14">
        <v>0</v>
      </c>
      <c r="E26" s="10">
        <v>219</v>
      </c>
      <c r="F26" s="8">
        <v>179</v>
      </c>
      <c r="G26" s="9">
        <v>170</v>
      </c>
      <c r="H26" s="10">
        <v>349</v>
      </c>
      <c r="I26" s="8">
        <v>2</v>
      </c>
      <c r="J26" s="9">
        <v>1</v>
      </c>
      <c r="K26" s="10">
        <v>3</v>
      </c>
      <c r="L26" s="8">
        <v>181</v>
      </c>
      <c r="M26" s="9">
        <v>171</v>
      </c>
      <c r="N26" s="10">
        <v>352</v>
      </c>
    </row>
    <row r="27" spans="1:14" ht="18" customHeight="1" x14ac:dyDescent="0.4">
      <c r="A27" s="2" t="s">
        <v>19</v>
      </c>
      <c r="B27" s="8">
        <v>1913</v>
      </c>
      <c r="C27" s="9">
        <v>19</v>
      </c>
      <c r="D27" s="14">
        <v>12</v>
      </c>
      <c r="E27" s="10">
        <v>1944</v>
      </c>
      <c r="F27" s="8">
        <v>2159</v>
      </c>
      <c r="G27" s="9">
        <v>2152</v>
      </c>
      <c r="H27" s="10">
        <v>4311</v>
      </c>
      <c r="I27" s="8">
        <v>14</v>
      </c>
      <c r="J27" s="9">
        <v>21</v>
      </c>
      <c r="K27" s="10">
        <v>35</v>
      </c>
      <c r="L27" s="8">
        <v>2173</v>
      </c>
      <c r="M27" s="9">
        <v>2173</v>
      </c>
      <c r="N27" s="10">
        <v>4346</v>
      </c>
    </row>
    <row r="28" spans="1:14" ht="18" customHeight="1" x14ac:dyDescent="0.4">
      <c r="A28" s="2" t="s">
        <v>20</v>
      </c>
      <c r="B28" s="8">
        <v>850</v>
      </c>
      <c r="C28" s="9">
        <v>17</v>
      </c>
      <c r="D28" s="14">
        <v>8</v>
      </c>
      <c r="E28" s="10">
        <v>875</v>
      </c>
      <c r="F28" s="8">
        <v>1032</v>
      </c>
      <c r="G28" s="9">
        <v>1073</v>
      </c>
      <c r="H28" s="10">
        <v>2105</v>
      </c>
      <c r="I28" s="8">
        <v>23</v>
      </c>
      <c r="J28" s="9">
        <v>11</v>
      </c>
      <c r="K28" s="10">
        <v>34</v>
      </c>
      <c r="L28" s="8">
        <v>1055</v>
      </c>
      <c r="M28" s="9">
        <v>1084</v>
      </c>
      <c r="N28" s="10">
        <v>2139</v>
      </c>
    </row>
    <row r="29" spans="1:14" ht="18" customHeight="1" x14ac:dyDescent="0.4">
      <c r="A29" s="2" t="s">
        <v>21</v>
      </c>
      <c r="B29" s="8">
        <v>2453</v>
      </c>
      <c r="C29" s="9">
        <v>46</v>
      </c>
      <c r="D29" s="14">
        <v>22</v>
      </c>
      <c r="E29" s="10">
        <v>2521</v>
      </c>
      <c r="F29" s="8">
        <v>2461</v>
      </c>
      <c r="G29" s="9">
        <v>2609</v>
      </c>
      <c r="H29" s="10">
        <v>5070</v>
      </c>
      <c r="I29" s="8">
        <v>50</v>
      </c>
      <c r="J29" s="9">
        <v>37</v>
      </c>
      <c r="K29" s="10">
        <v>87</v>
      </c>
      <c r="L29" s="8">
        <v>2511</v>
      </c>
      <c r="M29" s="9">
        <v>2646</v>
      </c>
      <c r="N29" s="10">
        <v>5157</v>
      </c>
    </row>
    <row r="30" spans="1:14" ht="18" customHeight="1" x14ac:dyDescent="0.4">
      <c r="A30" s="2" t="s">
        <v>22</v>
      </c>
      <c r="B30" s="8">
        <v>2403</v>
      </c>
      <c r="C30" s="9">
        <v>50</v>
      </c>
      <c r="D30" s="14">
        <v>8</v>
      </c>
      <c r="E30" s="10">
        <v>2461</v>
      </c>
      <c r="F30" s="8">
        <v>2779</v>
      </c>
      <c r="G30" s="9">
        <v>2952</v>
      </c>
      <c r="H30" s="10">
        <v>5731</v>
      </c>
      <c r="I30" s="8">
        <v>53</v>
      </c>
      <c r="J30" s="9">
        <v>6</v>
      </c>
      <c r="K30" s="10">
        <v>59</v>
      </c>
      <c r="L30" s="8">
        <v>2832</v>
      </c>
      <c r="M30" s="9">
        <v>2958</v>
      </c>
      <c r="N30" s="10">
        <v>5790</v>
      </c>
    </row>
    <row r="31" spans="1:14" ht="18" customHeight="1" x14ac:dyDescent="0.4">
      <c r="A31" s="2" t="s">
        <v>23</v>
      </c>
      <c r="B31" s="8">
        <v>1267</v>
      </c>
      <c r="C31" s="9">
        <v>12</v>
      </c>
      <c r="D31" s="14">
        <v>11</v>
      </c>
      <c r="E31" s="10">
        <v>1290</v>
      </c>
      <c r="F31" s="8">
        <v>1331</v>
      </c>
      <c r="G31" s="9">
        <v>1424</v>
      </c>
      <c r="H31" s="10">
        <v>2755</v>
      </c>
      <c r="I31" s="8">
        <v>15</v>
      </c>
      <c r="J31" s="9">
        <v>12</v>
      </c>
      <c r="K31" s="10">
        <v>27</v>
      </c>
      <c r="L31" s="8">
        <v>1346</v>
      </c>
      <c r="M31" s="9">
        <v>1436</v>
      </c>
      <c r="N31" s="10">
        <v>2782</v>
      </c>
    </row>
    <row r="32" spans="1:14" ht="18" customHeight="1" x14ac:dyDescent="0.4">
      <c r="A32" s="2" t="s">
        <v>24</v>
      </c>
      <c r="B32" s="8">
        <v>2620</v>
      </c>
      <c r="C32" s="9">
        <v>19</v>
      </c>
      <c r="D32" s="14">
        <v>16</v>
      </c>
      <c r="E32" s="10">
        <v>2655</v>
      </c>
      <c r="F32" s="8">
        <v>3210</v>
      </c>
      <c r="G32" s="9">
        <v>3205</v>
      </c>
      <c r="H32" s="10">
        <v>6415</v>
      </c>
      <c r="I32" s="8">
        <v>29</v>
      </c>
      <c r="J32" s="9">
        <v>22</v>
      </c>
      <c r="K32" s="10">
        <v>51</v>
      </c>
      <c r="L32" s="8">
        <v>3239</v>
      </c>
      <c r="M32" s="9">
        <v>3227</v>
      </c>
      <c r="N32" s="10">
        <v>6466</v>
      </c>
    </row>
    <row r="33" spans="1:14" ht="18" customHeight="1" x14ac:dyDescent="0.4">
      <c r="A33" s="2" t="s">
        <v>25</v>
      </c>
      <c r="B33" s="8">
        <v>3550</v>
      </c>
      <c r="C33" s="9">
        <v>44</v>
      </c>
      <c r="D33" s="14">
        <v>45</v>
      </c>
      <c r="E33" s="10">
        <v>3639</v>
      </c>
      <c r="F33" s="8">
        <v>3913</v>
      </c>
      <c r="G33" s="9">
        <v>4337</v>
      </c>
      <c r="H33" s="10">
        <v>8250</v>
      </c>
      <c r="I33" s="8">
        <v>84</v>
      </c>
      <c r="J33" s="9">
        <v>39</v>
      </c>
      <c r="K33" s="10">
        <v>123</v>
      </c>
      <c r="L33" s="8">
        <v>3997</v>
      </c>
      <c r="M33" s="9">
        <v>4376</v>
      </c>
      <c r="N33" s="10">
        <v>8373</v>
      </c>
    </row>
    <row r="34" spans="1:14" ht="18" customHeight="1" x14ac:dyDescent="0.4">
      <c r="A34" s="2" t="s">
        <v>26</v>
      </c>
      <c r="B34" s="8">
        <v>2024</v>
      </c>
      <c r="C34" s="9">
        <v>22</v>
      </c>
      <c r="D34" s="14">
        <v>14</v>
      </c>
      <c r="E34" s="10">
        <v>2060</v>
      </c>
      <c r="F34" s="8">
        <v>2156</v>
      </c>
      <c r="G34" s="9">
        <v>2197</v>
      </c>
      <c r="H34" s="10">
        <v>4353</v>
      </c>
      <c r="I34" s="8">
        <v>28</v>
      </c>
      <c r="J34" s="9">
        <v>21</v>
      </c>
      <c r="K34" s="10">
        <v>49</v>
      </c>
      <c r="L34" s="8">
        <v>2184</v>
      </c>
      <c r="M34" s="9">
        <v>2218</v>
      </c>
      <c r="N34" s="10">
        <v>4402</v>
      </c>
    </row>
    <row r="35" spans="1:14" ht="18" customHeight="1" x14ac:dyDescent="0.4">
      <c r="A35" s="2" t="s">
        <v>27</v>
      </c>
      <c r="B35" s="8">
        <v>421</v>
      </c>
      <c r="C35" s="9">
        <v>4</v>
      </c>
      <c r="D35" s="14">
        <v>4</v>
      </c>
      <c r="E35" s="10">
        <v>429</v>
      </c>
      <c r="F35" s="8">
        <v>520</v>
      </c>
      <c r="G35" s="9">
        <v>553</v>
      </c>
      <c r="H35" s="10">
        <v>1073</v>
      </c>
      <c r="I35" s="8">
        <v>7</v>
      </c>
      <c r="J35" s="9">
        <v>1</v>
      </c>
      <c r="K35" s="10">
        <v>8</v>
      </c>
      <c r="L35" s="8">
        <v>527</v>
      </c>
      <c r="M35" s="9">
        <v>554</v>
      </c>
      <c r="N35" s="10">
        <v>1081</v>
      </c>
    </row>
    <row r="36" spans="1:14" ht="18" customHeight="1" x14ac:dyDescent="0.4">
      <c r="A36" s="2" t="s">
        <v>28</v>
      </c>
      <c r="B36" s="8">
        <v>3074</v>
      </c>
      <c r="C36" s="9">
        <v>66</v>
      </c>
      <c r="D36" s="14">
        <v>41</v>
      </c>
      <c r="E36" s="10">
        <v>3181</v>
      </c>
      <c r="F36" s="8">
        <v>3345</v>
      </c>
      <c r="G36" s="9">
        <v>3598</v>
      </c>
      <c r="H36" s="10">
        <v>6943</v>
      </c>
      <c r="I36" s="8">
        <v>87</v>
      </c>
      <c r="J36" s="9">
        <v>45</v>
      </c>
      <c r="K36" s="10">
        <v>132</v>
      </c>
      <c r="L36" s="8">
        <v>3432</v>
      </c>
      <c r="M36" s="9">
        <v>3643</v>
      </c>
      <c r="N36" s="10">
        <v>7075</v>
      </c>
    </row>
    <row r="37" spans="1:14" ht="18" customHeight="1" x14ac:dyDescent="0.4">
      <c r="A37" s="2" t="s">
        <v>29</v>
      </c>
      <c r="B37" s="8">
        <v>1785</v>
      </c>
      <c r="C37" s="9">
        <v>32</v>
      </c>
      <c r="D37" s="14">
        <v>20</v>
      </c>
      <c r="E37" s="10">
        <v>1837</v>
      </c>
      <c r="F37" s="8">
        <v>1837</v>
      </c>
      <c r="G37" s="9">
        <v>2172</v>
      </c>
      <c r="H37" s="10">
        <v>4009</v>
      </c>
      <c r="I37" s="8">
        <v>51</v>
      </c>
      <c r="J37" s="9">
        <v>19</v>
      </c>
      <c r="K37" s="10">
        <v>70</v>
      </c>
      <c r="L37" s="8">
        <v>1888</v>
      </c>
      <c r="M37" s="9">
        <v>2191</v>
      </c>
      <c r="N37" s="10">
        <v>4079</v>
      </c>
    </row>
    <row r="38" spans="1:14" ht="18" customHeight="1" x14ac:dyDescent="0.4">
      <c r="A38" s="2" t="s">
        <v>30</v>
      </c>
      <c r="B38" s="8">
        <v>3888</v>
      </c>
      <c r="C38" s="9">
        <v>60</v>
      </c>
      <c r="D38" s="14">
        <v>38</v>
      </c>
      <c r="E38" s="10">
        <v>3986</v>
      </c>
      <c r="F38" s="8">
        <v>4437</v>
      </c>
      <c r="G38" s="9">
        <v>4616</v>
      </c>
      <c r="H38" s="10">
        <v>9053</v>
      </c>
      <c r="I38" s="8">
        <v>77</v>
      </c>
      <c r="J38" s="9">
        <v>38</v>
      </c>
      <c r="K38" s="10">
        <v>115</v>
      </c>
      <c r="L38" s="8">
        <v>4514</v>
      </c>
      <c r="M38" s="9">
        <v>4654</v>
      </c>
      <c r="N38" s="10">
        <v>9168</v>
      </c>
    </row>
    <row r="39" spans="1:14" ht="18" customHeight="1" x14ac:dyDescent="0.4">
      <c r="A39" s="2" t="s">
        <v>31</v>
      </c>
      <c r="B39" s="8">
        <v>1442</v>
      </c>
      <c r="C39" s="9">
        <v>8</v>
      </c>
      <c r="D39" s="14">
        <v>15</v>
      </c>
      <c r="E39" s="10">
        <v>1465</v>
      </c>
      <c r="F39" s="8">
        <v>1723</v>
      </c>
      <c r="G39" s="9">
        <v>1923</v>
      </c>
      <c r="H39" s="10">
        <v>3646</v>
      </c>
      <c r="I39" s="8">
        <v>12</v>
      </c>
      <c r="J39" s="9">
        <v>13</v>
      </c>
      <c r="K39" s="10">
        <v>25</v>
      </c>
      <c r="L39" s="8">
        <v>1735</v>
      </c>
      <c r="M39" s="9">
        <v>1936</v>
      </c>
      <c r="N39" s="10">
        <v>3671</v>
      </c>
    </row>
    <row r="40" spans="1:14" ht="18" customHeight="1" x14ac:dyDescent="0.4">
      <c r="A40" s="2" t="s">
        <v>32</v>
      </c>
      <c r="B40" s="8">
        <v>414</v>
      </c>
      <c r="C40" s="9">
        <v>3</v>
      </c>
      <c r="D40" s="14">
        <v>7</v>
      </c>
      <c r="E40" s="10">
        <v>424</v>
      </c>
      <c r="F40" s="8">
        <v>461</v>
      </c>
      <c r="G40" s="9">
        <v>482</v>
      </c>
      <c r="H40" s="10">
        <v>943</v>
      </c>
      <c r="I40" s="8">
        <v>7</v>
      </c>
      <c r="J40" s="9">
        <v>6</v>
      </c>
      <c r="K40" s="10">
        <v>13</v>
      </c>
      <c r="L40" s="8">
        <v>468</v>
      </c>
      <c r="M40" s="9">
        <v>488</v>
      </c>
      <c r="N40" s="10">
        <v>956</v>
      </c>
    </row>
    <row r="41" spans="1:14" ht="18" customHeight="1" x14ac:dyDescent="0.4">
      <c r="A41" s="2" t="s">
        <v>33</v>
      </c>
      <c r="B41" s="8">
        <v>1117</v>
      </c>
      <c r="C41" s="9">
        <v>11</v>
      </c>
      <c r="D41" s="14">
        <v>7</v>
      </c>
      <c r="E41" s="10">
        <v>1135</v>
      </c>
      <c r="F41" s="8">
        <v>1185</v>
      </c>
      <c r="G41" s="9">
        <v>1234</v>
      </c>
      <c r="H41" s="10">
        <v>2419</v>
      </c>
      <c r="I41" s="8">
        <v>15</v>
      </c>
      <c r="J41" s="9">
        <v>6</v>
      </c>
      <c r="K41" s="10">
        <v>21</v>
      </c>
      <c r="L41" s="8">
        <v>1200</v>
      </c>
      <c r="M41" s="9">
        <v>1240</v>
      </c>
      <c r="N41" s="10">
        <v>2440</v>
      </c>
    </row>
    <row r="42" spans="1:14" ht="18" customHeight="1" x14ac:dyDescent="0.4">
      <c r="A42" s="2" t="s">
        <v>34</v>
      </c>
      <c r="B42" s="8">
        <v>1053</v>
      </c>
      <c r="C42" s="9">
        <v>2</v>
      </c>
      <c r="D42" s="14">
        <v>6</v>
      </c>
      <c r="E42" s="10">
        <v>1061</v>
      </c>
      <c r="F42" s="8">
        <v>1186</v>
      </c>
      <c r="G42" s="9">
        <v>1308</v>
      </c>
      <c r="H42" s="10">
        <v>2494</v>
      </c>
      <c r="I42" s="8">
        <v>6</v>
      </c>
      <c r="J42" s="9">
        <v>3</v>
      </c>
      <c r="K42" s="10">
        <v>9</v>
      </c>
      <c r="L42" s="8">
        <v>1192</v>
      </c>
      <c r="M42" s="9">
        <v>1311</v>
      </c>
      <c r="N42" s="10">
        <v>2503</v>
      </c>
    </row>
    <row r="43" spans="1:14" ht="18" customHeight="1" x14ac:dyDescent="0.4">
      <c r="A43" s="2" t="s">
        <v>35</v>
      </c>
      <c r="B43" s="8">
        <v>1148</v>
      </c>
      <c r="C43" s="9">
        <v>23</v>
      </c>
      <c r="D43" s="14">
        <v>10</v>
      </c>
      <c r="E43" s="10">
        <v>1181</v>
      </c>
      <c r="F43" s="8">
        <v>1336</v>
      </c>
      <c r="G43" s="9">
        <v>1336</v>
      </c>
      <c r="H43" s="10">
        <v>2672</v>
      </c>
      <c r="I43" s="8">
        <v>23</v>
      </c>
      <c r="J43" s="9">
        <v>19</v>
      </c>
      <c r="K43" s="10">
        <v>42</v>
      </c>
      <c r="L43" s="8">
        <v>1359</v>
      </c>
      <c r="M43" s="9">
        <v>1355</v>
      </c>
      <c r="N43" s="10">
        <v>2714</v>
      </c>
    </row>
    <row r="44" spans="1:14" ht="18" customHeight="1" x14ac:dyDescent="0.4">
      <c r="A44" s="2" t="s">
        <v>36</v>
      </c>
      <c r="B44" s="8">
        <v>152</v>
      </c>
      <c r="C44" s="9">
        <v>3</v>
      </c>
      <c r="D44" s="14">
        <v>2</v>
      </c>
      <c r="E44" s="10">
        <v>157</v>
      </c>
      <c r="F44" s="8">
        <v>99</v>
      </c>
      <c r="G44" s="9">
        <v>176</v>
      </c>
      <c r="H44" s="10">
        <v>275</v>
      </c>
      <c r="I44" s="8">
        <v>3</v>
      </c>
      <c r="J44" s="9">
        <v>4</v>
      </c>
      <c r="K44" s="10">
        <v>7</v>
      </c>
      <c r="L44" s="8">
        <v>102</v>
      </c>
      <c r="M44" s="9">
        <v>180</v>
      </c>
      <c r="N44" s="10">
        <v>282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0</v>
      </c>
      <c r="B52" s="8">
        <v>63587</v>
      </c>
      <c r="C52" s="9">
        <v>859</v>
      </c>
      <c r="D52" s="14">
        <v>535</v>
      </c>
      <c r="E52" s="10">
        <v>64981</v>
      </c>
      <c r="F52" s="8">
        <v>68422</v>
      </c>
      <c r="G52" s="9">
        <v>72697</v>
      </c>
      <c r="H52" s="10">
        <v>141119</v>
      </c>
      <c r="I52" s="8">
        <v>1107</v>
      </c>
      <c r="J52" s="9">
        <v>670</v>
      </c>
      <c r="K52" s="10">
        <v>1777</v>
      </c>
      <c r="L52" s="8">
        <v>69529</v>
      </c>
      <c r="M52" s="9">
        <v>73367</v>
      </c>
      <c r="N52" s="10">
        <v>142896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1-09-02T00:00:14Z</dcterms:modified>
</cp:coreProperties>
</file>